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p:scale>
          <a:sx n="66" d="100"/>
          <a:sy n="66" d="100"/>
        </p:scale>
        <p:origin x="2328" y="942"/>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17-6-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17-6-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reimerswaa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descr="Afbeelding met tekst, Lettertype, logo, ontwerp&#10;&#10;Automatisch gegenereerde beschrijving">
            <a:extLst>
              <a:ext uri="{FF2B5EF4-FFF2-40B4-BE49-F238E27FC236}">
                <a16:creationId xmlns:a16="http://schemas.microsoft.com/office/drawing/2014/main" id="{BAF00AF5-A4BC-6A98-27A7-E002F5951356}"/>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8773" y="4962971"/>
            <a:ext cx="2336369" cy="1700877"/>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5" name="Afbeelding 4" descr="Afbeelding met tekst, Lettertype, logo, ontwerp&#10;&#10;Automatisch gegenereerde beschrijving">
            <a:extLst>
              <a:ext uri="{FF2B5EF4-FFF2-40B4-BE49-F238E27FC236}">
                <a16:creationId xmlns:a16="http://schemas.microsoft.com/office/drawing/2014/main" id="{5768DF92-5BFF-F348-1B51-E31C7AD3A005}"/>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281650" y="4112409"/>
            <a:ext cx="1519232" cy="1106001"/>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6-17T12:01:28Z</dcterms:modified>
</cp:coreProperties>
</file>